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1334" y="8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8-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8-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arendrech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logo, schermopname&#10;&#10;Automatisch gegenereerde beschrijving">
            <a:extLst>
              <a:ext uri="{FF2B5EF4-FFF2-40B4-BE49-F238E27FC236}">
                <a16:creationId xmlns:a16="http://schemas.microsoft.com/office/drawing/2014/main" id="{38424D08-4073-D9A0-F039-BBD6EE81D60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4" y="5008086"/>
            <a:ext cx="2542231" cy="165576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schermopname&#10;&#10;Automatisch gegenereerde beschrijving">
            <a:extLst>
              <a:ext uri="{FF2B5EF4-FFF2-40B4-BE49-F238E27FC236}">
                <a16:creationId xmlns:a16="http://schemas.microsoft.com/office/drawing/2014/main" id="{822CA294-EAD8-9135-280F-5A3FBD2BC53A}"/>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9329" y="4282633"/>
            <a:ext cx="1577395" cy="102736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Piet Boekhoudt</cp:lastModifiedBy>
  <cp:revision>4274</cp:revision>
  <dcterms:created xsi:type="dcterms:W3CDTF">2019-07-30T10:24:44Z</dcterms:created>
  <dcterms:modified xsi:type="dcterms:W3CDTF">2024-04-28T12:45:49Z</dcterms:modified>
</cp:coreProperties>
</file>